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C:\Users\i6332663\Downloads\"/>
    </mc:Choice>
  </mc:AlternateContent>
  <xr:revisionPtr revIDLastSave="0" documentId="13_ncr:1_{7BF69BAE-9C9B-4DF3-B274-07D43994A28F}" xr6:coauthVersionLast="47" xr6:coauthVersionMax="47" xr10:uidLastSave="{00000000-0000-0000-0000-000000000000}"/>
  <bookViews>
    <workbookView xWindow="-28920" yWindow="-2655" windowWidth="29040" windowHeight="15720" xr2:uid="{00000000-000D-0000-FFFF-FFFF00000000}"/>
  </bookViews>
  <sheets>
    <sheet name="例" sheetId="2" r:id="rId1"/>
  </sheets>
  <definedNames>
    <definedName name="_xlnm.Print_Titles" localSheetId="0">例!$5:$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3" uniqueCount="53">
  <si>
    <t>団体名</t>
    <rPh sb="0" eb="3">
      <t>ダンタイメイ</t>
    </rPh>
    <phoneticPr fontId="1"/>
  </si>
  <si>
    <t>団体ホームページ等</t>
    <rPh sb="0" eb="2">
      <t>ダンタイ</t>
    </rPh>
    <rPh sb="8" eb="9">
      <t>トウ</t>
    </rPh>
    <phoneticPr fontId="1"/>
  </si>
  <si>
    <t>大阪府危機管理室防災企画課・災害対策課</t>
    <phoneticPr fontId="1"/>
  </si>
  <si>
    <t>（社福）大阪市社会福祉協議会</t>
    <phoneticPr fontId="1"/>
  </si>
  <si>
    <t>日本赤十字社大阪府支部</t>
    <phoneticPr fontId="1"/>
  </si>
  <si>
    <t>（社福）堺市社会福祉協議会</t>
    <phoneticPr fontId="1"/>
  </si>
  <si>
    <t>（社福）大阪ボランティア協会</t>
    <phoneticPr fontId="1"/>
  </si>
  <si>
    <t>（公財）大阪国際交流センター</t>
    <phoneticPr fontId="1"/>
  </si>
  <si>
    <t>https://www.osakafusyakyo.or.jp/vcenter/index.html</t>
    <phoneticPr fontId="1"/>
  </si>
  <si>
    <t>https://ofix.or.jp/volunteers/</t>
    <phoneticPr fontId="1"/>
  </si>
  <si>
    <t>https://www.jrc.or.jp/chapter/osaka/volunteer/</t>
    <phoneticPr fontId="1"/>
  </si>
  <si>
    <t>https://www.sakai-syakyo.net/contents/vol_info_center/</t>
    <phoneticPr fontId="1"/>
  </si>
  <si>
    <t>https://wmg2027.jp/entry/volunteer/</t>
    <phoneticPr fontId="1"/>
  </si>
  <si>
    <t>https://www.osaka-marathon.com/2026/volunteer/summary/</t>
    <phoneticPr fontId="1"/>
  </si>
  <si>
    <t>https://expo2027yokohama.or.jp/sponsorship/volunteer/</t>
    <phoneticPr fontId="1"/>
  </si>
  <si>
    <t>https://www.pref.osaka.lg.jp/o020090/shobobosai/saigaivolunteer/index.html</t>
    <phoneticPr fontId="1"/>
  </si>
  <si>
    <t>堺市社会福祉協議会ではボランティア活動に関するご相談や情報発信を始め、ボランティア講座の開催や、ボランティアグループの団体支援活動などを行っています。</t>
    <phoneticPr fontId="1"/>
  </si>
  <si>
    <t>（公財）大阪府国際交流財団（OFIX）</t>
    <phoneticPr fontId="1"/>
  </si>
  <si>
    <t>日本赤十字社大阪府支部は、1887年（明治20年）に設置されて以来、大阪府民の皆様の温かいご支援をいただきながら、赤十字の目指す「人道」実現のため、大阪府内全域にわたり幅広い活動を展開しています。「困っている・苦しんでいる人の役に立ちたい」という思いを持った仲間が、その思いを結集し、さまざまなボランティア活動を行っています。日本赤十字社の活動は、このようなボランティアによって支えられています。あなたも、“困っている人、苦しんでいる人の役に立ちたい”という思いを行動に移してみませんか。</t>
    <phoneticPr fontId="1"/>
  </si>
  <si>
    <t xml:space="preserve">「GREEN×EXPO 2027」（２０２７年国際園芸博覧会）は、「幸せを創る明日の風景」のテーマの下、気候変動や生物多様性の損失などの地球規模の課題解決に向けて、皆様とともにチャレンジしていく万博です。色とりどりの季節の花や木々にあふれる会場で、世界各国や市民、企業の皆さまとともに、花、緑、農、食、環境、生物多様性など幅広い「GREEN」の価値を見つめ直し、自然・人・社会が共に持続するための最適解を発信していきます。  
GREEN×EXPO 2027のボランティアは、国内外からの来場者やボランティア同士の交流、花や緑とのふれあいを通じた万博への貢献など、唯一無二の体験が得られる機会です。お一人お一人が万博にご参加いただけます。 
GREEN×EXPO2027を共に盛り上げ支えていただくパートナーとして、ボランティアを募集します。 </t>
    <phoneticPr fontId="1"/>
  </si>
  <si>
    <t>各団体のボランティア等の紹介</t>
    <rPh sb="0" eb="3">
      <t>カクダンタイ</t>
    </rPh>
    <rPh sb="10" eb="11">
      <t>トウ</t>
    </rPh>
    <rPh sb="12" eb="14">
      <t>ショウカイ</t>
    </rPh>
    <phoneticPr fontId="1"/>
  </si>
  <si>
    <t>感謝状贈呈式第２部に出展いただいた各団体の情報を次のとおりまとめましたので、今後のボランティア活動にお役立てください。</t>
    <rPh sb="0" eb="6">
      <t>カンシャジョウゾウテイシキ</t>
    </rPh>
    <rPh sb="6" eb="7">
      <t>ダイ</t>
    </rPh>
    <rPh sb="8" eb="9">
      <t>ブ</t>
    </rPh>
    <rPh sb="10" eb="12">
      <t>シュッテン</t>
    </rPh>
    <rPh sb="17" eb="20">
      <t>カクダンタイ</t>
    </rPh>
    <rPh sb="21" eb="23">
      <t>ジョウホウ</t>
    </rPh>
    <rPh sb="24" eb="25">
      <t>ツギ</t>
    </rPh>
    <rPh sb="38" eb="40">
      <t>コンゴ</t>
    </rPh>
    <rPh sb="47" eb="49">
      <t>カツドウ</t>
    </rPh>
    <rPh sb="51" eb="53">
      <t>ヤクダ</t>
    </rPh>
    <phoneticPr fontId="1"/>
  </si>
  <si>
    <t>感謝状贈呈式第２部参加団体のボランティア活動の情報等について【ご参考】</t>
    <rPh sb="0" eb="6">
      <t>カンシャジョウゾウテイシキ</t>
    </rPh>
    <rPh sb="6" eb="7">
      <t>ダイ</t>
    </rPh>
    <rPh sb="8" eb="9">
      <t>ブ</t>
    </rPh>
    <rPh sb="9" eb="11">
      <t>サンカ</t>
    </rPh>
    <rPh sb="11" eb="13">
      <t>ダンタイ</t>
    </rPh>
    <rPh sb="20" eb="22">
      <t>カツドウ</t>
    </rPh>
    <rPh sb="23" eb="25">
      <t>ジョウホウ</t>
    </rPh>
    <rPh sb="25" eb="26">
      <t>トウ</t>
    </rPh>
    <rPh sb="32" eb="34">
      <t>サンコウ</t>
    </rPh>
    <phoneticPr fontId="1"/>
  </si>
  <si>
    <t>大阪府では、大阪府社会福祉協議会や府内市町村、NPO、ボランティア団体等と連携・協力し、災害発生時には、ボランティアの受入れや活動のコーディネート、活動保険の加入等を迅速に行います。被災者支援のためのボランティア活動が効率的・効果的に実施できるよう、常日頃からボランティア個人・団体の事前登録や研修等を通じ、ボランティアの活動環境の整備を進めています。</t>
    <phoneticPr fontId="1"/>
  </si>
  <si>
    <t>（公財）ワールドマスターズゲームズ2021関西組織委員会</t>
    <phoneticPr fontId="1"/>
  </si>
  <si>
    <t>大阪マラソン組織委員会事務局</t>
    <phoneticPr fontId="1"/>
  </si>
  <si>
    <t>大阪市市民活動総合ポータルサイト
（シミポタ）</t>
    <rPh sb="0" eb="3">
      <t>オオサカシ</t>
    </rPh>
    <rPh sb="3" eb="7">
      <t>シミンカツドウ</t>
    </rPh>
    <rPh sb="7" eb="9">
      <t>ソウゴウ</t>
    </rPh>
    <phoneticPr fontId="1"/>
  </si>
  <si>
    <t>シミポタは、大阪市域で活動する「市民活動団体」や「社会貢献活動を行う企業」を調べたり、市民活動に必要な情報を得ることを目的とした総合ポータルサイトです。</t>
    <rPh sb="6" eb="10">
      <t>オオサカシイキ</t>
    </rPh>
    <rPh sb="11" eb="13">
      <t>カツドウ</t>
    </rPh>
    <rPh sb="16" eb="22">
      <t>シミンカツドウダンタイ</t>
    </rPh>
    <rPh sb="25" eb="31">
      <t>シャカイコウケンカツドウ</t>
    </rPh>
    <rPh sb="32" eb="33">
      <t>オコナ</t>
    </rPh>
    <rPh sb="34" eb="36">
      <t>キギョウ</t>
    </rPh>
    <rPh sb="38" eb="39">
      <t>シラ</t>
    </rPh>
    <rPh sb="43" eb="47">
      <t>シミンカツドウ</t>
    </rPh>
    <rPh sb="48" eb="50">
      <t>ヒツヨウ</t>
    </rPh>
    <rPh sb="51" eb="53">
      <t>ジョウホウ</t>
    </rPh>
    <rPh sb="54" eb="55">
      <t>エ</t>
    </rPh>
    <rPh sb="59" eb="61">
      <t>モクテキ</t>
    </rPh>
    <rPh sb="64" eb="66">
      <t>ソウゴウ</t>
    </rPh>
    <phoneticPr fontId="1"/>
  </si>
  <si>
    <t>大阪市経済戦略局スポーツ課</t>
    <rPh sb="2" eb="3">
      <t>シ</t>
    </rPh>
    <rPh sb="3" eb="8">
      <t>ケイザイセンリャクキョク</t>
    </rPh>
    <rPh sb="12" eb="13">
      <t>カ</t>
    </rPh>
    <phoneticPr fontId="1"/>
  </si>
  <si>
    <t>大阪市では、「ささえるスポーツ」を推進するため、マラソン大会やウオーキングイベントなどでのボランティア活動を行うボランティアの登録を随時受け付けています。ぜひ、意欲のある方の登録をお待ちしています。
【活動例】
・世界スーパージュニアテニスの会場案内
・大阪国際女子マラソン沿道の整理
・大阪シティウオークコースの誘導　など</t>
    <rPh sb="54" eb="55">
      <t>オコナ</t>
    </rPh>
    <rPh sb="101" eb="104">
      <t>カツドウレイ</t>
    </rPh>
    <phoneticPr fontId="1"/>
  </si>
  <si>
    <t>大阪府府民文化部男女参画・府民協働課</t>
    <phoneticPr fontId="1"/>
  </si>
  <si>
    <t>・国際マスターズゲームズ協会（ＩＭＧＡ）が主宰する、概ね３０歳以上のスポーツ愛好者であれば誰でも参加できる生涯スポーツの国際総合競技大会です。
・本大会はスポーツ経験や実績、国籍、性別、障がいの有無に関わらず誰でも出場できるインクルーシブな考え方を取り入れたグローバルイベントであり、関西地域をあげて大会運営に取り組んでいく必要があるため、大会運営を担う「大会ボランティア」を配置し、募集します。
関西地域の印象をポジティブにし、大会の一体感や盛り上がりにつながるボランティア活動を展開することで関西の“おもてなし精神”を世界に発信し、みんなでワールドマスターズゲームズ２０２7関西を盛り上げましょう。ボランティアの募集時期については改めてご案内します。</t>
    <rPh sb="308" eb="310">
      <t>ボシュウ</t>
    </rPh>
    <rPh sb="310" eb="312">
      <t>ジキ</t>
    </rPh>
    <rPh sb="317" eb="318">
      <t>アラタ</t>
    </rPh>
    <rPh sb="321" eb="323">
      <t>アンナイ</t>
    </rPh>
    <phoneticPr fontId="1"/>
  </si>
  <si>
    <t>https://www.ovgc.jp/</t>
  </si>
  <si>
    <t>OFIXでは、大阪で生活する外国人の方々をサポートするため、多言語による情報発信及び相談支援等に積極的に取り組んでいます。
さらに、地震などの自然災害の経験が少なく、言葉の壁もある外国人の方をサポートするために、大規模な災害発生時には、多言語による情報提供ができるよう体制を整えています。
その活動をするにあたり、登録いただいた語学ボランティアや災害時通訳・翻訳ボランティアに、ご協力いただいています。</t>
    <rPh sb="44" eb="46">
      <t>シエン</t>
    </rPh>
    <rPh sb="71" eb="75">
      <t>シゼンサイガイ</t>
    </rPh>
    <rPh sb="137" eb="138">
      <t>トトノ</t>
    </rPh>
    <rPh sb="157" eb="159">
      <t>トウロク</t>
    </rPh>
    <rPh sb="164" eb="165">
      <t>ゴ</t>
    </rPh>
    <rPh sb="190" eb="192">
      <t>キョウリョク</t>
    </rPh>
    <phoneticPr fontId="1"/>
  </si>
  <si>
    <t>（公財）大阪国際交流センターでは、市民レベルの自発的な国際交流活動の活性化を図るとともに、大阪を訪れる外国人の日本理解を促進するため、「アイハウス・ボランティアバンク」を設置しています。ホームステイ・ホームビジット、通訳・翻訳、災害時外国人支援、日本語学習支援のほか当財団の主催事業等にご協力いただける国際交流ボランティアを広く募集しています。</t>
    <phoneticPr fontId="1"/>
  </si>
  <si>
    <t>https://www.ih-osaka.or.jp/volunteer/</t>
    <phoneticPr fontId="1"/>
  </si>
  <si>
    <t>https://ocvac.osaka-sishakyo.jp/</t>
    <phoneticPr fontId="1"/>
  </si>
  <si>
    <t>大阪市ボランティア・市民活動センターは、主に大阪市域のボランティア・市民活動を応援するセンターです。
・ボランティア・市民活動に関する相談ができます
・ボランティア・市民活動に関する情報を知ることができます。
・イベントの告知やメンバー募集ができます
（情報誌COMVO、メールマガジン「こてぼら」などに掲載）。
・地域・企業・NPOなどのさまざまな資源をつなぐ機会を作っています。
・さまざまなボランティア・市民活動団体と出会い、つながる機会があります。</t>
    <rPh sb="20" eb="21">
      <t>オモ</t>
    </rPh>
    <rPh sb="22" eb="26">
      <t>オオサカシイキ</t>
    </rPh>
    <phoneticPr fontId="1"/>
  </si>
  <si>
    <t>（社福）大阪府社会福祉協議会
大阪府ボランティア・市民活動センター</t>
    <rPh sb="15" eb="18">
      <t>オオサカフ</t>
    </rPh>
    <rPh sb="25" eb="29">
      <t>シミンカツドウ</t>
    </rPh>
    <phoneticPr fontId="1"/>
  </si>
  <si>
    <t>大阪府ボランティア・市民活動センターでは、地域の福祉課題の解決に取り組むボランティア活動を支えるため、さまざまな事業を展開しています。市町村社会福祉協議会のボランティアセンターをはじめ、行政や中間支援団体と連携し、ボランティア団体の育成・ネットワーク化の支援、市町村社協担当職員会議の開催、ボランティアやコーディネーターを対象とした研修の実施、広報・啓発、災害ボランティアに関する取り組みなどを行っています。
多くのボランティア関係者の皆様と協力しながら、大阪府内のボランティア・市民活動のネットワークの充実をめざします。</t>
    <rPh sb="142" eb="144">
      <t>カイサイ</t>
    </rPh>
    <phoneticPr fontId="1"/>
  </si>
  <si>
    <t>今回の活動を通じて、ボランティア活動への興味、関心を深められた方には、ぜひ、ご自身がやってみたいと思う活動について、できることから参加していただければ幸いです。
・URLのリンクから、府内市町村や大阪府が実施しているボランティアの養成や育成の計画、ボランティア募集・登録などの情報をご覧いただけます。</t>
    <rPh sb="0" eb="2">
      <t>コンカイ</t>
    </rPh>
    <phoneticPr fontId="1"/>
  </si>
  <si>
    <t>大阪観光ボランティアガイド協会は、約１３０名余りのメンバーが、大阪城公園をはじめ大阪市内の観光スポットを案内させていただいています。
※次回の募集は2026年8月を予定していますが、詳細は未定です。</t>
  </si>
  <si>
    <t>https://www.city.osaka.lg.jp/keizaisenryaku/page/0000528693.html</t>
    <phoneticPr fontId="1"/>
  </si>
  <si>
    <t>NPO法人大阪観光ボランティアガイド協会</t>
    <phoneticPr fontId="1"/>
  </si>
  <si>
    <t>GREEN×EXPO協会
（２０２７年国際園芸博覧会協会）</t>
    <rPh sb="18" eb="19">
      <t>ネン</t>
    </rPh>
    <rPh sb="19" eb="21">
      <t>コクサイ</t>
    </rPh>
    <rPh sb="21" eb="23">
      <t>エンゲイ</t>
    </rPh>
    <rPh sb="23" eb="26">
      <t>ハクランカイ</t>
    </rPh>
    <rPh sb="26" eb="28">
      <t>キョウカイ</t>
    </rPh>
    <phoneticPr fontId="1"/>
  </si>
  <si>
    <t>https://kyodo-portal.city.osaka.jp/</t>
    <phoneticPr fontId="1"/>
  </si>
  <si>
    <t>https://www.pref.osaka.lg.jp/o070040/fukatsu/v-npo/banpaku_volunteer.html</t>
    <phoneticPr fontId="1"/>
  </si>
  <si>
    <t>https://osakavol.org/index.html
 https://lin.ee/tzS73qR</t>
    <phoneticPr fontId="1"/>
  </si>
  <si>
    <t>大阪マラソンはたくさんのボランティアの皆さんの「協力」によって支えられています。ランナーをサポートしたい！大会を通して、大阪のまちの素晴らしさを伝えたい！たくさんの人の力になりたい。そんな熱い想いをお持ちの皆さんで大会を盛り上げませんか。大阪マラソンのボランティア活動の魅力は、頑張るランナーの皆さんに間近で接し、同じ気持ちを持った仲間と出会い、ミッションをやり遂げる感動と体験を共有できることです。
※2026年大会のご応募は締め切りさせていただきました。たくさんのご応募ありがとうございました。</t>
    <rPh sb="206" eb="207">
      <t>ネン</t>
    </rPh>
    <rPh sb="207" eb="209">
      <t>タイカイ</t>
    </rPh>
    <phoneticPr fontId="1"/>
  </si>
  <si>
    <r>
      <t xml:space="preserve">◆イチ推し情報
</t>
    </r>
    <r>
      <rPr>
        <b/>
        <u/>
        <sz val="9"/>
        <color theme="1"/>
        <rFont val="BIZ UDPゴシック"/>
        <family val="3"/>
        <charset val="128"/>
      </rPr>
      <t xml:space="preserve">＃万博ボランティア経験者限定！ ＃情報待ち受けタイプ　のあなたへ
公式LINE「万博ボランティア★ネクストチャレンジ」、始まりました！
</t>
    </r>
    <r>
      <rPr>
        <sz val="9"/>
        <color theme="1"/>
        <rFont val="BIZ UDPゴシック"/>
        <family val="3"/>
        <charset val="128"/>
      </rPr>
      <t xml:space="preserve">2025年大阪・関西万博のボランティア活動に参加した人に、万博後も地域貢献・社会貢献活動に参加してみたくなるような情報提供を目指し、皆さんのボランティア活動のネクストチャレンジを期間限定で応援します。
・登録方法：登録無料、　【 https://lin.ee/tzS73qR 】をスマートフォンで開くと「このページを“LINE”で開きますか？」と表示され、開くと「友だち追加」ボタンが表示されます。または、パソコンで開くと「友だち追加するには、スマートフォン版LINEでQRコードをスキャンしてください」と表示されるので、スキャンして「友だち追加」します。
・主催・連絡先：社会福祉法人大阪ボランティア協会（担当：永井　※会場ボランティアと大阪まちボランティア経験者）、電話06-6809-4901、Email：office@osakavol.org（代表）
◆その他の推し情報
</t>
    </r>
    <r>
      <rPr>
        <b/>
        <sz val="9"/>
        <color theme="1"/>
        <rFont val="BIZ UDPゴシック"/>
        <family val="3"/>
        <charset val="128"/>
      </rPr>
      <t>#情報に触れておきたい！</t>
    </r>
    <r>
      <rPr>
        <sz val="9"/>
        <color theme="1"/>
        <rFont val="BIZ UDPゴシック"/>
        <family val="3"/>
        <charset val="128"/>
      </rPr>
      <t>人には、月1体験会の「ゆるボラ（ゆるいボランティアサークル）」（公式LINE）の登録や、公式X「ボランティア情報発信局＠大阪ボランティア協会（@OsakaVolunteer）」のフォローをおススメ！</t>
    </r>
    <r>
      <rPr>
        <b/>
        <sz val="9"/>
        <color theme="1"/>
        <rFont val="BIZ UDPゴシック"/>
        <family val="3"/>
        <charset val="128"/>
      </rPr>
      <t xml:space="preserve">
#いろいろ体験したい！人</t>
    </r>
    <r>
      <rPr>
        <sz val="9"/>
        <color theme="1"/>
        <rFont val="BIZ UDPゴシック"/>
        <family val="3"/>
        <charset val="128"/>
      </rPr>
      <t>には、3時間でできる「ボラスタ（ボランティアスタイル）」がおススメ！</t>
    </r>
    <r>
      <rPr>
        <b/>
        <sz val="9"/>
        <color theme="1"/>
        <rFont val="BIZ UDPゴシック"/>
        <family val="3"/>
        <charset val="128"/>
      </rPr>
      <t xml:space="preserve">
#自分で検索して探したい！</t>
    </r>
    <r>
      <rPr>
        <sz val="9"/>
        <color theme="1"/>
        <rFont val="BIZ UDPゴシック"/>
        <family val="3"/>
        <charset val="128"/>
      </rPr>
      <t>人には、随時更新の「KVネット（関西人のためのボランティア活動情報ネット）」をおススメ！</t>
    </r>
    <r>
      <rPr>
        <b/>
        <sz val="9"/>
        <color theme="1"/>
        <rFont val="BIZ UDPゴシック"/>
        <family val="3"/>
        <charset val="128"/>
      </rPr>
      <t xml:space="preserve">
#探し方を知りたい！</t>
    </r>
    <r>
      <rPr>
        <sz val="9"/>
        <color theme="1"/>
        <rFont val="BIZ UDPゴシック"/>
        <family val="3"/>
        <charset val="128"/>
      </rPr>
      <t>人には、月3回開催の「はじボラ（はじめてのボランティア説明会）」をおススメ！
◆わたしたちは、ボランティアをはじめたい人、NPOを立ち上げたい人、CSR・SDGs・社会貢献をはじめたい企業など、市民活動に関わる相談窓口があります。お気軽にお問い合わせください。</t>
    </r>
    <rPh sb="5" eb="7">
      <t>ジョウホウ</t>
    </rPh>
    <rPh sb="20" eb="22">
      <t>ゲンテイ</t>
    </rPh>
    <rPh sb="41" eb="43">
      <t>コウシキ</t>
    </rPh>
    <rPh sb="68" eb="69">
      <t>ハジ</t>
    </rPh>
    <rPh sb="165" eb="169">
      <t>キカンゲンテイ</t>
    </rPh>
    <rPh sb="178" eb="180">
      <t>トウロク</t>
    </rPh>
    <rPh sb="180" eb="182">
      <t>ホウホウ</t>
    </rPh>
    <rPh sb="363" eb="366">
      <t>レンラクサキ</t>
    </rPh>
    <rPh sb="463" eb="464">
      <t>タ</t>
    </rPh>
    <rPh sb="465" eb="466">
      <t>オ</t>
    </rPh>
    <rPh sb="514" eb="516">
      <t>コウシキ</t>
    </rPh>
    <rPh sb="522" eb="524">
      <t>トウロク</t>
    </rPh>
    <rPh sb="648" eb="650">
      <t>コウシン</t>
    </rPh>
    <rPh sb="756" eb="757">
      <t>ヒト</t>
    </rPh>
    <rPh sb="762" eb="763">
      <t>タ</t>
    </rPh>
    <rPh sb="764" eb="765">
      <t>ア</t>
    </rPh>
    <rPh sb="768" eb="769">
      <t>ヒト</t>
    </rPh>
    <rPh sb="779" eb="783">
      <t>シャカイコウケン</t>
    </rPh>
    <rPh sb="789" eb="791">
      <t>キギョウ</t>
    </rPh>
    <rPh sb="794" eb="796">
      <t>シミン</t>
    </rPh>
    <rPh sb="796" eb="798">
      <t>カツドウ</t>
    </rPh>
    <rPh sb="799" eb="800">
      <t>カカ</t>
    </rPh>
    <rPh sb="802" eb="804">
      <t>ソウダン</t>
    </rPh>
    <rPh sb="804" eb="806">
      <t>マドグチ</t>
    </rPh>
    <rPh sb="813" eb="815">
      <t>キガル</t>
    </rPh>
    <rPh sb="817" eb="818">
      <t>ト</t>
    </rPh>
    <rPh sb="819" eb="820">
      <t>ア</t>
    </rPh>
    <phoneticPr fontId="1"/>
  </si>
  <si>
    <t>大阪府政策企画部企画室連携課</t>
    <rPh sb="0" eb="3">
      <t>オオサカフ</t>
    </rPh>
    <rPh sb="3" eb="8">
      <t>セイサクキカクブ</t>
    </rPh>
    <rPh sb="8" eb="11">
      <t>キカクシツ</t>
    </rPh>
    <rPh sb="11" eb="14">
      <t>レンケイカ</t>
    </rPh>
    <phoneticPr fontId="1"/>
  </si>
  <si>
    <t>https://www.pref.osaka.lg.jp/o020050/renkei/sdgs/volunteer.html</t>
    <phoneticPr fontId="1"/>
  </si>
  <si>
    <r>
      <t>大阪府では、</t>
    </r>
    <r>
      <rPr>
        <b/>
        <u/>
        <sz val="9"/>
        <color theme="1"/>
        <rFont val="BIZ UDPゴシック"/>
        <family val="3"/>
        <charset val="128"/>
      </rPr>
      <t>2026年夏にボランティアイベントの開催を予定しております。</t>
    </r>
    <r>
      <rPr>
        <sz val="9"/>
        <color theme="1"/>
        <rFont val="BIZ UDPゴシック"/>
        <family val="3"/>
        <charset val="128"/>
      </rPr>
      <t>本イベントでは、</t>
    </r>
    <r>
      <rPr>
        <u/>
        <sz val="9"/>
        <color theme="1"/>
        <rFont val="BIZ UDPゴシック"/>
        <family val="3"/>
        <charset val="128"/>
      </rPr>
      <t>ボランティア活動に関する情報発信に加え、ボランティア相談会や個人で取り組める地域・社会貢献活動に関する情報などもご紹介します。</t>
    </r>
    <r>
      <rPr>
        <sz val="9"/>
        <color theme="1"/>
        <rFont val="BIZ UDPゴシック"/>
        <family val="3"/>
        <charset val="128"/>
      </rPr>
      <t>ご関心のある方は、ぜひホームページをブックマークいただき、最新情報の更新をお待ちください。</t>
    </r>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Red]\(0\)"/>
  </numFmts>
  <fonts count="15">
    <font>
      <sz val="11"/>
      <color theme="1"/>
      <name val="Yu Gothic"/>
      <family val="2"/>
      <scheme val="minor"/>
    </font>
    <font>
      <sz val="6"/>
      <name val="Yu Gothic"/>
      <family val="3"/>
      <charset val="128"/>
      <scheme val="minor"/>
    </font>
    <font>
      <sz val="11"/>
      <color theme="1"/>
      <name val="BIZ UDPゴシック"/>
      <family val="3"/>
      <charset val="128"/>
    </font>
    <font>
      <u/>
      <sz val="11"/>
      <color theme="10"/>
      <name val="Yu Gothic"/>
      <family val="2"/>
      <scheme val="minor"/>
    </font>
    <font>
      <sz val="9"/>
      <color theme="1"/>
      <name val="BIZ UDPゴシック"/>
      <family val="3"/>
      <charset val="128"/>
    </font>
    <font>
      <b/>
      <sz val="11"/>
      <color theme="1"/>
      <name val="BIZ UDPゴシック"/>
      <family val="3"/>
      <charset val="128"/>
    </font>
    <font>
      <b/>
      <sz val="12"/>
      <color theme="1"/>
      <name val="BIZ UDPゴシック"/>
      <family val="3"/>
      <charset val="128"/>
    </font>
    <font>
      <b/>
      <sz val="11"/>
      <color rgb="FF000000"/>
      <name val="BIZ UDPゴシック"/>
      <family val="3"/>
      <charset val="128"/>
    </font>
    <font>
      <sz val="10"/>
      <color theme="1"/>
      <name val="BIZ UDPゴシック"/>
      <family val="3"/>
      <charset val="128"/>
    </font>
    <font>
      <u/>
      <sz val="9"/>
      <color theme="10"/>
      <name val="Yu Gothic"/>
      <family val="2"/>
      <scheme val="minor"/>
    </font>
    <font>
      <u/>
      <sz val="9"/>
      <color theme="10"/>
      <name val="Yu Gothic"/>
      <charset val="134"/>
      <scheme val="minor"/>
    </font>
    <font>
      <b/>
      <u/>
      <sz val="9"/>
      <color theme="1"/>
      <name val="BIZ UDPゴシック"/>
      <family val="3"/>
      <charset val="128"/>
    </font>
    <font>
      <b/>
      <sz val="9"/>
      <color theme="1"/>
      <name val="BIZ UDPゴシック"/>
      <family val="3"/>
      <charset val="128"/>
    </font>
    <font>
      <u/>
      <sz val="9"/>
      <color theme="10"/>
      <name val="Yu Gothic"/>
      <family val="3"/>
      <charset val="128"/>
      <scheme val="minor"/>
    </font>
    <font>
      <u/>
      <sz val="9"/>
      <color theme="1"/>
      <name val="BIZ UDPゴシック"/>
      <family val="3"/>
      <charset val="128"/>
    </font>
  </fonts>
  <fills count="3">
    <fill>
      <patternFill patternType="none"/>
    </fill>
    <fill>
      <patternFill patternType="gray125"/>
    </fill>
    <fill>
      <patternFill patternType="solid">
        <fgColor theme="2"/>
        <bgColor indexed="64"/>
      </patternFill>
    </fill>
  </fills>
  <borders count="2">
    <border>
      <left/>
      <right/>
      <top/>
      <bottom/>
      <diagonal/>
    </border>
    <border>
      <left style="thin">
        <color indexed="64"/>
      </left>
      <right style="thin">
        <color indexed="64"/>
      </right>
      <top style="thin">
        <color indexed="64"/>
      </top>
      <bottom style="thin">
        <color indexed="64"/>
      </bottom>
      <diagonal/>
    </border>
  </borders>
  <cellStyleXfs count="2">
    <xf numFmtId="0" fontId="0" fillId="0" borderId="0"/>
    <xf numFmtId="0" fontId="3" fillId="0" borderId="0" applyNumberFormat="0" applyFill="0" applyBorder="0" applyAlignment="0" applyProtection="0"/>
  </cellStyleXfs>
  <cellXfs count="18">
    <xf numFmtId="0" fontId="0" fillId="0" borderId="0" xfId="0"/>
    <xf numFmtId="0" fontId="4" fillId="0" borderId="0" xfId="0" applyFont="1" applyAlignment="1">
      <alignment wrapText="1"/>
    </xf>
    <xf numFmtId="0" fontId="4" fillId="0" borderId="1" xfId="0" applyFont="1" applyBorder="1" applyAlignment="1">
      <alignment vertical="center" wrapText="1"/>
    </xf>
    <xf numFmtId="0" fontId="4" fillId="0" borderId="0" xfId="0" applyFont="1" applyAlignment="1">
      <alignment vertical="center" wrapText="1"/>
    </xf>
    <xf numFmtId="0" fontId="4" fillId="0" borderId="0" xfId="0" applyFont="1" applyAlignment="1">
      <alignment horizontal="center" vertical="center" wrapText="1"/>
    </xf>
    <xf numFmtId="0" fontId="8" fillId="0" borderId="0" xfId="0" applyFont="1" applyAlignment="1">
      <alignment wrapText="1"/>
    </xf>
    <xf numFmtId="0" fontId="2" fillId="2" borderId="1" xfId="0" applyFont="1" applyFill="1" applyBorder="1" applyAlignment="1">
      <alignment horizontal="center" vertical="center" wrapText="1"/>
    </xf>
    <xf numFmtId="0" fontId="7" fillId="0" borderId="1" xfId="0" applyFont="1" applyBorder="1" applyAlignment="1">
      <alignment horizontal="left" vertical="center" wrapText="1" readingOrder="1"/>
    </xf>
    <xf numFmtId="0" fontId="9" fillId="0" borderId="1" xfId="1" applyFont="1" applyBorder="1" applyAlignment="1">
      <alignment vertical="center" wrapText="1"/>
    </xf>
    <xf numFmtId="0" fontId="5" fillId="0" borderId="1" xfId="0" applyFont="1" applyBorder="1" applyAlignment="1">
      <alignment horizontal="left" vertical="center" wrapText="1" readingOrder="1"/>
    </xf>
    <xf numFmtId="0" fontId="13" fillId="0" borderId="1" xfId="1" applyFont="1" applyFill="1" applyBorder="1" applyAlignment="1">
      <alignment vertical="center" wrapText="1"/>
    </xf>
    <xf numFmtId="0" fontId="5" fillId="0" borderId="1" xfId="0" applyFont="1" applyBorder="1" applyAlignment="1">
      <alignment vertical="center" wrapText="1"/>
    </xf>
    <xf numFmtId="176" fontId="9" fillId="0" borderId="1" xfId="1" applyNumberFormat="1" applyFont="1" applyBorder="1" applyAlignment="1">
      <alignment vertical="center" wrapText="1"/>
    </xf>
    <xf numFmtId="0" fontId="10" fillId="0" borderId="1" xfId="1" applyFont="1" applyBorder="1" applyAlignment="1">
      <alignment vertical="center" wrapText="1"/>
    </xf>
    <xf numFmtId="0" fontId="7" fillId="0" borderId="1" xfId="0" applyFont="1" applyBorder="1" applyAlignment="1">
      <alignment vertical="center" wrapText="1"/>
    </xf>
    <xf numFmtId="0" fontId="3" fillId="0" borderId="1" xfId="1" applyFill="1" applyBorder="1" applyAlignment="1">
      <alignment vertical="center" wrapText="1"/>
    </xf>
    <xf numFmtId="0" fontId="2" fillId="0" borderId="0" xfId="0" applyFont="1" applyAlignment="1">
      <alignment vertical="center" wrapText="1"/>
    </xf>
    <xf numFmtId="0" fontId="6" fillId="0" borderId="0" xfId="0" applyFont="1" applyAlignment="1">
      <alignment horizontal="left" vertical="center" wrapText="1"/>
    </xf>
  </cellXfs>
  <cellStyles count="2">
    <cellStyle name="ハイパーリンク" xfId="1" builtinId="8"/>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hyperlink" Target="https://ofix.or.jp/volunteers/" TargetMode="External"/><Relationship Id="rId13" Type="http://schemas.openxmlformats.org/officeDocument/2006/relationships/hyperlink" Target="https://kyodo-portal.city.osaka.jp/" TargetMode="External"/><Relationship Id="rId3" Type="http://schemas.openxmlformats.org/officeDocument/2006/relationships/hyperlink" Target="https://www.pref.osaka.lg.jp/o020090/shobobosai/saigaivolunteer/index.html" TargetMode="External"/><Relationship Id="rId7" Type="http://schemas.openxmlformats.org/officeDocument/2006/relationships/hyperlink" Target="https://www.ovgc.jp/" TargetMode="External"/><Relationship Id="rId12" Type="http://schemas.openxmlformats.org/officeDocument/2006/relationships/hyperlink" Target="https://www.city.osaka.lg.jp/keizaisenryaku/page/0000528693.html" TargetMode="External"/><Relationship Id="rId2" Type="http://schemas.openxmlformats.org/officeDocument/2006/relationships/hyperlink" Target="https://www.osaka-marathon.com/2026/volunteer/summary/" TargetMode="External"/><Relationship Id="rId16" Type="http://schemas.openxmlformats.org/officeDocument/2006/relationships/printerSettings" Target="../printerSettings/printerSettings1.bin"/><Relationship Id="rId1" Type="http://schemas.openxmlformats.org/officeDocument/2006/relationships/hyperlink" Target="https://www.sakai-syakyo.net/contents/vol_info_center/" TargetMode="External"/><Relationship Id="rId6" Type="http://schemas.openxmlformats.org/officeDocument/2006/relationships/hyperlink" Target="https://expo2027yokohama.or.jp/sponsorship/volunteer/" TargetMode="External"/><Relationship Id="rId11" Type="http://schemas.openxmlformats.org/officeDocument/2006/relationships/hyperlink" Target="https://www.osakafusyakyo.or.jp/vcenter/index.html" TargetMode="External"/><Relationship Id="rId5" Type="http://schemas.openxmlformats.org/officeDocument/2006/relationships/hyperlink" Target="https://wmg2027.jp/entry/volunteer/" TargetMode="External"/><Relationship Id="rId15" Type="http://schemas.openxmlformats.org/officeDocument/2006/relationships/hyperlink" Target="https://www.pref.osaka.lg.jp/o020050/renkei/sdgs/volunteer.html" TargetMode="External"/><Relationship Id="rId10" Type="http://schemas.openxmlformats.org/officeDocument/2006/relationships/hyperlink" Target="https://ocvac.osaka-sishakyo.jp/" TargetMode="External"/><Relationship Id="rId4" Type="http://schemas.openxmlformats.org/officeDocument/2006/relationships/hyperlink" Target="https://www.jrc.or.jp/chapter/osaka/volunteer/" TargetMode="External"/><Relationship Id="rId9" Type="http://schemas.openxmlformats.org/officeDocument/2006/relationships/hyperlink" Target="https://www.ih-osaka.or.jp/volunteer/" TargetMode="External"/><Relationship Id="rId14" Type="http://schemas.openxmlformats.org/officeDocument/2006/relationships/hyperlink" Target="https://www.pref.osaka.lg.jp/o070040/fukatsu/v-npo/banpaku_volunteer.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1BD9D72-C022-418C-979A-8A9FFA35AF54}">
  <sheetPr>
    <pageSetUpPr fitToPage="1"/>
  </sheetPr>
  <dimension ref="B1:D22"/>
  <sheetViews>
    <sheetView tabSelected="1" topLeftCell="A14" workbookViewId="0">
      <selection activeCell="F19" sqref="F19"/>
    </sheetView>
  </sheetViews>
  <sheetFormatPr defaultColWidth="9" defaultRowHeight="10.8"/>
  <cols>
    <col min="1" max="1" width="2.19921875" style="1" customWidth="1"/>
    <col min="2" max="2" width="36.3984375" style="1" customWidth="1"/>
    <col min="3" max="3" width="56" style="1" customWidth="1"/>
    <col min="4" max="4" width="24.8984375" style="1" customWidth="1"/>
    <col min="5" max="16384" width="9" style="1"/>
  </cols>
  <sheetData>
    <row r="1" spans="2:4" ht="28.5" customHeight="1">
      <c r="B1" s="17" t="s">
        <v>22</v>
      </c>
      <c r="C1" s="17"/>
    </row>
    <row r="2" spans="2:4" ht="5.25" customHeight="1"/>
    <row r="3" spans="2:4" ht="24.75" customHeight="1">
      <c r="B3" s="16" t="s">
        <v>21</v>
      </c>
      <c r="C3" s="16"/>
      <c r="D3" s="16"/>
    </row>
    <row r="4" spans="2:4" ht="6" customHeight="1"/>
    <row r="5" spans="2:4" s="4" customFormat="1" ht="23.25" customHeight="1">
      <c r="B5" s="6" t="s">
        <v>0</v>
      </c>
      <c r="C5" s="6" t="s">
        <v>20</v>
      </c>
      <c r="D5" s="6" t="s">
        <v>1</v>
      </c>
    </row>
    <row r="6" spans="2:4" s="3" customFormat="1" ht="126.6" customHeight="1">
      <c r="B6" s="11" t="s">
        <v>24</v>
      </c>
      <c r="C6" s="2" t="s">
        <v>31</v>
      </c>
      <c r="D6" s="8" t="s">
        <v>12</v>
      </c>
    </row>
    <row r="7" spans="2:4" s="3" customFormat="1" ht="110.4" customHeight="1">
      <c r="B7" s="11" t="s">
        <v>25</v>
      </c>
      <c r="C7" s="2" t="s">
        <v>48</v>
      </c>
      <c r="D7" s="8" t="s">
        <v>13</v>
      </c>
    </row>
    <row r="8" spans="2:4" s="3" customFormat="1" ht="133.19999999999999" customHeight="1">
      <c r="B8" s="11" t="s">
        <v>44</v>
      </c>
      <c r="C8" s="2" t="s">
        <v>19</v>
      </c>
      <c r="D8" s="8" t="s">
        <v>14</v>
      </c>
    </row>
    <row r="9" spans="2:4" s="3" customFormat="1" ht="312" customHeight="1">
      <c r="B9" s="11" t="s">
        <v>6</v>
      </c>
      <c r="C9" s="2" t="s">
        <v>49</v>
      </c>
      <c r="D9" s="8" t="s">
        <v>47</v>
      </c>
    </row>
    <row r="10" spans="2:4" s="3" customFormat="1" ht="108" customHeight="1">
      <c r="B10" s="7" t="s">
        <v>38</v>
      </c>
      <c r="C10" s="2" t="s">
        <v>39</v>
      </c>
      <c r="D10" s="8" t="s">
        <v>8</v>
      </c>
    </row>
    <row r="11" spans="2:4" s="3" customFormat="1" ht="137.25" customHeight="1">
      <c r="B11" s="7" t="s">
        <v>3</v>
      </c>
      <c r="C11" s="2" t="s">
        <v>37</v>
      </c>
      <c r="D11" s="12" t="s">
        <v>36</v>
      </c>
    </row>
    <row r="12" spans="2:4" s="3" customFormat="1" ht="67.5" customHeight="1">
      <c r="B12" s="11" t="s">
        <v>5</v>
      </c>
      <c r="C12" s="2" t="s">
        <v>16</v>
      </c>
      <c r="D12" s="8" t="s">
        <v>11</v>
      </c>
    </row>
    <row r="13" spans="2:4" s="3" customFormat="1" ht="59.25" customHeight="1">
      <c r="B13" s="7" t="s">
        <v>43</v>
      </c>
      <c r="C13" s="2" t="s">
        <v>41</v>
      </c>
      <c r="D13" s="13" t="s">
        <v>32</v>
      </c>
    </row>
    <row r="14" spans="2:4" s="3" customFormat="1" ht="94.2" customHeight="1">
      <c r="B14" s="14" t="s">
        <v>4</v>
      </c>
      <c r="C14" s="2" t="s">
        <v>18</v>
      </c>
      <c r="D14" s="8" t="s">
        <v>10</v>
      </c>
    </row>
    <row r="15" spans="2:4" s="3" customFormat="1" ht="84" customHeight="1">
      <c r="B15" s="7" t="s">
        <v>17</v>
      </c>
      <c r="C15" s="2" t="s">
        <v>33</v>
      </c>
      <c r="D15" s="8" t="s">
        <v>9</v>
      </c>
    </row>
    <row r="16" spans="2:4" s="3" customFormat="1" ht="72" customHeight="1">
      <c r="B16" s="11" t="s">
        <v>7</v>
      </c>
      <c r="C16" s="2" t="s">
        <v>34</v>
      </c>
      <c r="D16" s="8" t="s">
        <v>35</v>
      </c>
    </row>
    <row r="17" spans="2:4" s="3" customFormat="1" ht="72.599999999999994" customHeight="1">
      <c r="B17" s="7" t="s">
        <v>2</v>
      </c>
      <c r="C17" s="2" t="s">
        <v>23</v>
      </c>
      <c r="D17" s="8" t="s">
        <v>15</v>
      </c>
    </row>
    <row r="18" spans="2:4" s="3" customFormat="1" ht="78" customHeight="1">
      <c r="B18" s="9" t="s">
        <v>30</v>
      </c>
      <c r="C18" s="2" t="s">
        <v>40</v>
      </c>
      <c r="D18" s="10" t="s">
        <v>46</v>
      </c>
    </row>
    <row r="19" spans="2:4" s="3" customFormat="1" ht="78" customHeight="1">
      <c r="B19" s="9" t="s">
        <v>50</v>
      </c>
      <c r="C19" s="2" t="s">
        <v>52</v>
      </c>
      <c r="D19" s="10" t="s">
        <v>51</v>
      </c>
    </row>
    <row r="20" spans="2:4" s="3" customFormat="1" ht="46.5" customHeight="1">
      <c r="B20" s="9" t="s">
        <v>26</v>
      </c>
      <c r="C20" s="2" t="s">
        <v>27</v>
      </c>
      <c r="D20" s="10" t="s">
        <v>45</v>
      </c>
    </row>
    <row r="21" spans="2:4" s="3" customFormat="1" ht="91.5" customHeight="1">
      <c r="B21" s="9" t="s">
        <v>28</v>
      </c>
      <c r="C21" s="2" t="s">
        <v>29</v>
      </c>
      <c r="D21" s="15" t="s">
        <v>42</v>
      </c>
    </row>
    <row r="22" spans="2:4" ht="12">
      <c r="D22" s="5"/>
    </row>
  </sheetData>
  <mergeCells count="2">
    <mergeCell ref="B3:D3"/>
    <mergeCell ref="B1:C1"/>
  </mergeCells>
  <phoneticPr fontId="1"/>
  <hyperlinks>
    <hyperlink ref="D12" r:id="rId1" xr:uid="{EC3C7B49-C502-4591-A7F7-0F9ADE1D5568}"/>
    <hyperlink ref="D7" r:id="rId2" xr:uid="{79356B24-ADB6-4622-82F5-AF1F1897E2DA}"/>
    <hyperlink ref="D17" r:id="rId3" xr:uid="{F721A976-3BAA-4536-B0AB-0F3E09E8640D}"/>
    <hyperlink ref="D14" r:id="rId4" xr:uid="{70314F0B-68EB-4B2D-B823-8D426B9A86FE}"/>
    <hyperlink ref="D6" r:id="rId5" xr:uid="{728F5CFD-7ED8-41BD-9320-1ECD41AAF326}"/>
    <hyperlink ref="D8" r:id="rId6" xr:uid="{36BFBA4E-7464-4FB1-990D-D3EED799EAEF}"/>
    <hyperlink ref="D13" r:id="rId7" xr:uid="{7AAB832A-8F6D-4864-A6AE-A5EBE34AFB17}"/>
    <hyperlink ref="D15" r:id="rId8" xr:uid="{257A58EB-E03B-4865-A249-6F93BE2FF8F0}"/>
    <hyperlink ref="D16" r:id="rId9" xr:uid="{4BE2D359-7C1E-449E-BFFB-D944D8BCDD4E}"/>
    <hyperlink ref="D11" r:id="rId10" xr:uid="{D4610A01-6B10-4087-9367-8AB795BB7268}"/>
    <hyperlink ref="D10" r:id="rId11" xr:uid="{04129AE6-1AFD-4103-967F-052E92A4D5C7}"/>
    <hyperlink ref="D21" r:id="rId12" xr:uid="{17D652F2-E146-477E-A1EB-021E16842C82}"/>
    <hyperlink ref="D20" r:id="rId13" xr:uid="{C10CDC82-DAB0-4B93-A93A-CAC53CFDF710}"/>
    <hyperlink ref="D18" r:id="rId14" xr:uid="{1A419D39-E7F1-468E-88B3-66286C58CC02}"/>
    <hyperlink ref="D19" r:id="rId15" xr:uid="{2277DD4C-ED61-4B55-9B2C-89BEB84764B1}"/>
  </hyperlinks>
  <pageMargins left="0.23622047244094491" right="0.23622047244094491" top="0.74803149606299213" bottom="0.74803149606299213" header="0.31496062992125984" footer="0.31496062992125984"/>
  <pageSetup paperSize="9" scale="75" fitToHeight="0" orientation="portrait" horizontalDpi="300" verticalDpi="300" r:id="rId16"/>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例</vt:lpstr>
      <vt:lpstr>例!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内堀　博文</dc:creator>
  <cp:lastModifiedBy>上野　貴生 / UENO Takao</cp:lastModifiedBy>
  <cp:lastPrinted>2025-12-17T03:58:35Z</cp:lastPrinted>
  <dcterms:created xsi:type="dcterms:W3CDTF">2015-06-05T18:19:34Z</dcterms:created>
  <dcterms:modified xsi:type="dcterms:W3CDTF">2025-12-18T03:59:24Z</dcterms:modified>
</cp:coreProperties>
</file>